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externalLinks/externalLink3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4332"/>
  <workbookPr defaultThemeVersion="166925"/>
  <mc:AlternateContent xmlns:mc="http://schemas.openxmlformats.org/markup-compatibility/2006">
    <mc:Choice Requires="x15">
      <x15ac:absPath xmlns:x15ac="http://schemas.microsoft.com/office/spreadsheetml/2010/11/ac" url="C:\Users\s22100\Desktop\R6法改正\新様式\"/>
    </mc:Choice>
  </mc:AlternateContent>
  <xr:revisionPtr revIDLastSave="0" documentId="8_{17209C87-6D30-4DC4-894E-CDF0741222EB}" xr6:coauthVersionLast="47" xr6:coauthVersionMax="47" xr10:uidLastSave="{00000000-0000-0000-0000-000000000000}"/>
  <bookViews>
    <workbookView xWindow="-120" yWindow="-120" windowWidth="20730" windowHeight="11160" xr2:uid="{2B462A10-CFFF-499C-B324-3FCCDCFB9E7C}"/>
  </bookViews>
  <sheets>
    <sheet name="別紙33" sheetId="2" r:id="rId1"/>
    <sheet name="Sheet1" sheetId="1" r:id="rId2"/>
  </sheets>
  <externalReferences>
    <externalReference r:id="rId3"/>
    <externalReference r:id="rId4"/>
    <externalReference r:id="rId5"/>
  </externalReferences>
  <definedNames>
    <definedName name="ｋ">#N/A</definedName>
    <definedName name="_xlnm.Print_Area" localSheetId="0">別紙33!$A$1:$AA$39</definedName>
    <definedName name="サービス種別">[1]サービス種類一覧!$B$4:$B$20</definedName>
    <definedName name="サービス種類">[2]サービス種類一覧!$C$4:$C$20</definedName>
    <definedName name="サービス名">#N/A</definedName>
    <definedName name="サービス名称">#N/A</definedName>
    <definedName name="だだ">#N/A</definedName>
    <definedName name="っっｋ">#N/A</definedName>
    <definedName name="っっっっｌ">#N/A</definedName>
    <definedName name="確認">#N/A</definedName>
    <definedName name="種類">[3]サービス種類一覧!$A$4:$A$20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</xcalcf:calcFeatures>
    </ext>
  </extLst>
</workbook>
</file>

<file path=xl/sharedStrings.xml><?xml version="1.0" encoding="utf-8"?>
<sst xmlns="http://schemas.openxmlformats.org/spreadsheetml/2006/main" count="72" uniqueCount="29">
  <si>
    <t>（別紙33）</t>
    <phoneticPr fontId="4"/>
  </si>
  <si>
    <t>夜間看護体制加算に係る届出書</t>
    <rPh sb="0" eb="2">
      <t>ヤカン</t>
    </rPh>
    <rPh sb="2" eb="4">
      <t>カンゴ</t>
    </rPh>
    <rPh sb="4" eb="6">
      <t>タイセイ</t>
    </rPh>
    <rPh sb="6" eb="8">
      <t>カサン</t>
    </rPh>
    <rPh sb="9" eb="10">
      <t>カカ</t>
    </rPh>
    <rPh sb="11" eb="13">
      <t>トドケデ</t>
    </rPh>
    <rPh sb="13" eb="14">
      <t>ショ</t>
    </rPh>
    <phoneticPr fontId="4"/>
  </si>
  <si>
    <t>１．事 業 所 名</t>
    <phoneticPr fontId="4"/>
  </si>
  <si>
    <t>２．異 動 区 分</t>
    <rPh sb="2" eb="3">
      <t>イ</t>
    </rPh>
    <rPh sb="4" eb="5">
      <t>ドウ</t>
    </rPh>
    <rPh sb="6" eb="7">
      <t>ク</t>
    </rPh>
    <rPh sb="8" eb="9">
      <t>ブン</t>
    </rPh>
    <phoneticPr fontId="4"/>
  </si>
  <si>
    <t>□</t>
  </si>
  <si>
    <t>1　新規</t>
    <phoneticPr fontId="4"/>
  </si>
  <si>
    <t>2　変更</t>
    <phoneticPr fontId="4"/>
  </si>
  <si>
    <t>3　終了</t>
    <phoneticPr fontId="4"/>
  </si>
  <si>
    <t>３．施 設 種 別</t>
    <rPh sb="2" eb="3">
      <t>シ</t>
    </rPh>
    <rPh sb="4" eb="5">
      <t>セツ</t>
    </rPh>
    <rPh sb="6" eb="7">
      <t>タネ</t>
    </rPh>
    <rPh sb="8" eb="9">
      <t>ベツ</t>
    </rPh>
    <phoneticPr fontId="4"/>
  </si>
  <si>
    <t>１　特定施設入居者生活介護</t>
    <phoneticPr fontId="4"/>
  </si>
  <si>
    <t>２　地域密着型特定施設入居者生活介護</t>
    <phoneticPr fontId="4"/>
  </si>
  <si>
    <t>４．届 出 項 目</t>
    <rPh sb="2" eb="3">
      <t>トドケ</t>
    </rPh>
    <rPh sb="4" eb="5">
      <t>デ</t>
    </rPh>
    <rPh sb="6" eb="7">
      <t>コウ</t>
    </rPh>
    <rPh sb="8" eb="9">
      <t>メ</t>
    </rPh>
    <phoneticPr fontId="4"/>
  </si>
  <si>
    <t>１　夜間看護体制加算（Ⅰ）</t>
    <rPh sb="2" eb="4">
      <t>ヤカン</t>
    </rPh>
    <rPh sb="4" eb="6">
      <t>カンゴ</t>
    </rPh>
    <rPh sb="6" eb="10">
      <t>タイセイカサン</t>
    </rPh>
    <phoneticPr fontId="4"/>
  </si>
  <si>
    <t>２　夜間看護体制加算（Ⅱ）</t>
    <rPh sb="2" eb="4">
      <t>ヤカン</t>
    </rPh>
    <rPh sb="4" eb="6">
      <t>カンゴ</t>
    </rPh>
    <rPh sb="6" eb="10">
      <t>タイセイカサン</t>
    </rPh>
    <phoneticPr fontId="4"/>
  </si>
  <si>
    <t xml:space="preserve"> ５．夜間看護体制加算（Ⅰ）に係る届出内容</t>
    <rPh sb="3" eb="5">
      <t>ヤカン</t>
    </rPh>
    <rPh sb="7" eb="9">
      <t>タイセイ</t>
    </rPh>
    <rPh sb="15" eb="16">
      <t>カカ</t>
    </rPh>
    <rPh sb="17" eb="19">
      <t>トドケデ</t>
    </rPh>
    <rPh sb="19" eb="21">
      <t>ナイヨウ</t>
    </rPh>
    <phoneticPr fontId="4"/>
  </si>
  <si>
    <t>看護職員の状況</t>
    <rPh sb="0" eb="2">
      <t>カンゴ</t>
    </rPh>
    <rPh sb="2" eb="4">
      <t>ショクイン</t>
    </rPh>
    <rPh sb="5" eb="7">
      <t>ジョウキョウ</t>
    </rPh>
    <phoneticPr fontId="4"/>
  </si>
  <si>
    <t>　保健師</t>
    <phoneticPr fontId="4"/>
  </si>
  <si>
    <t>　常勤</t>
    <phoneticPr fontId="4"/>
  </si>
  <si>
    <t>人</t>
  </si>
  <si>
    <t>　看護師</t>
    <phoneticPr fontId="4"/>
  </si>
  <si>
    <t>　准看護師</t>
    <rPh sb="1" eb="2">
      <t>ジュン</t>
    </rPh>
    <phoneticPr fontId="4"/>
  </si>
  <si>
    <t>有</t>
    <rPh sb="0" eb="1">
      <t>ア</t>
    </rPh>
    <phoneticPr fontId="4"/>
  </si>
  <si>
    <t>・</t>
    <phoneticPr fontId="4"/>
  </si>
  <si>
    <t>無</t>
    <rPh sb="0" eb="1">
      <t>ナ</t>
    </rPh>
    <phoneticPr fontId="4"/>
  </si>
  <si>
    <t>　当該加算を算定する期間において、夜勤又は宿直を行う看護職員の数が一名以上である。</t>
    <rPh sb="1" eb="3">
      <t>トウガイ</t>
    </rPh>
    <rPh sb="3" eb="5">
      <t>カサン</t>
    </rPh>
    <rPh sb="6" eb="8">
      <t>サンテイ</t>
    </rPh>
    <rPh sb="10" eb="12">
      <t>キカン</t>
    </rPh>
    <rPh sb="17" eb="19">
      <t>ヤキン</t>
    </rPh>
    <rPh sb="19" eb="20">
      <t>マタ</t>
    </rPh>
    <rPh sb="21" eb="23">
      <t>シュクチョク</t>
    </rPh>
    <rPh sb="24" eb="25">
      <t>オコナ</t>
    </rPh>
    <rPh sb="26" eb="28">
      <t>カンゴ</t>
    </rPh>
    <rPh sb="28" eb="30">
      <t>ショクイン</t>
    </rPh>
    <rPh sb="31" eb="32">
      <t>カズ</t>
    </rPh>
    <rPh sb="33" eb="35">
      <t>イチメイ</t>
    </rPh>
    <rPh sb="35" eb="37">
      <t>イジョウ</t>
    </rPh>
    <phoneticPr fontId="4"/>
  </si>
  <si>
    <t>　必要に応じて健康上の管理等を行う体制を確保している。</t>
    <rPh sb="1" eb="3">
      <t>ヒツヨウ</t>
    </rPh>
    <rPh sb="4" eb="5">
      <t>オウ</t>
    </rPh>
    <rPh sb="7" eb="10">
      <t>ケンコウジョウ</t>
    </rPh>
    <rPh sb="11" eb="14">
      <t>カンリナド</t>
    </rPh>
    <rPh sb="15" eb="16">
      <t>オコナ</t>
    </rPh>
    <rPh sb="17" eb="19">
      <t>タイセイ</t>
    </rPh>
    <rPh sb="20" eb="22">
      <t>カクホ</t>
    </rPh>
    <phoneticPr fontId="4"/>
  </si>
  <si>
    <t>　重度化した場合における対応に係る指針を定め、入居の際に、利用者又はその家族等に対して、当該指針の内容を説明し、同意を得ている。</t>
    <rPh sb="1" eb="4">
      <t>ジュウドカ</t>
    </rPh>
    <rPh sb="6" eb="8">
      <t>バアイ</t>
    </rPh>
    <rPh sb="12" eb="14">
      <t>タイオウ</t>
    </rPh>
    <rPh sb="15" eb="16">
      <t>カカ</t>
    </rPh>
    <rPh sb="17" eb="19">
      <t>シシン</t>
    </rPh>
    <rPh sb="20" eb="21">
      <t>サダ</t>
    </rPh>
    <rPh sb="23" eb="25">
      <t>ニュウキョ</t>
    </rPh>
    <rPh sb="26" eb="27">
      <t>サイ</t>
    </rPh>
    <rPh sb="29" eb="31">
      <t>リヨウ</t>
    </rPh>
    <rPh sb="31" eb="32">
      <t>シャ</t>
    </rPh>
    <rPh sb="32" eb="33">
      <t>マタ</t>
    </rPh>
    <rPh sb="36" eb="38">
      <t>カゾク</t>
    </rPh>
    <rPh sb="38" eb="39">
      <t>ナド</t>
    </rPh>
    <rPh sb="40" eb="41">
      <t>タイ</t>
    </rPh>
    <rPh sb="44" eb="46">
      <t>トウガイ</t>
    </rPh>
    <rPh sb="46" eb="48">
      <t>シシン</t>
    </rPh>
    <rPh sb="49" eb="51">
      <t>ナイヨウ</t>
    </rPh>
    <rPh sb="52" eb="54">
      <t>セツメイ</t>
    </rPh>
    <rPh sb="56" eb="58">
      <t>ドウイ</t>
    </rPh>
    <rPh sb="59" eb="60">
      <t>エ</t>
    </rPh>
    <phoneticPr fontId="4"/>
  </si>
  <si>
    <t xml:space="preserve"> ６．夜間看護体制加算（Ⅱ）に係る届出内容</t>
    <rPh sb="3" eb="5">
      <t>ヤカン</t>
    </rPh>
    <rPh sb="7" eb="9">
      <t>タイセイ</t>
    </rPh>
    <rPh sb="15" eb="16">
      <t>カカ</t>
    </rPh>
    <rPh sb="17" eb="19">
      <t>トドケデ</t>
    </rPh>
    <rPh sb="19" eb="21">
      <t>ナイヨウ</t>
    </rPh>
    <phoneticPr fontId="4"/>
  </si>
  <si>
    <t>　24時間常時連絡できる体制を整備している。</t>
    <phoneticPr fontId="4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7" x14ac:knownFonts="1">
    <font>
      <sz val="11"/>
      <color theme="1"/>
      <name val="游ゴシック"/>
      <family val="2"/>
      <charset val="128"/>
      <scheme val="minor"/>
    </font>
    <font>
      <sz val="11"/>
      <name val="ＭＳ Ｐゴシック"/>
      <family val="3"/>
      <charset val="128"/>
    </font>
    <font>
      <sz val="11"/>
      <name val="HGSｺﾞｼｯｸM"/>
      <family val="3"/>
      <charset val="128"/>
    </font>
    <font>
      <sz val="6"/>
      <name val="游ゴシック"/>
      <family val="2"/>
      <charset val="128"/>
      <scheme val="minor"/>
    </font>
    <font>
      <sz val="6"/>
      <name val="ＭＳ Ｐゴシック"/>
      <family val="3"/>
      <charset val="128"/>
    </font>
    <font>
      <sz val="10"/>
      <name val="HGSｺﾞｼｯｸM"/>
      <family val="3"/>
      <charset val="128"/>
    </font>
    <font>
      <b/>
      <sz val="11"/>
      <name val="HGSｺﾞｼｯｸM"/>
      <family val="3"/>
      <charset val="128"/>
    </font>
  </fonts>
  <fills count="2">
    <fill>
      <patternFill patternType="none"/>
    </fill>
    <fill>
      <patternFill patternType="gray125"/>
    </fill>
  </fills>
  <borders count="13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/>
      <bottom/>
      <diagonal/>
    </border>
  </borders>
  <cellStyleXfs count="2">
    <xf numFmtId="0" fontId="0" fillId="0" borderId="0">
      <alignment vertical="center"/>
    </xf>
    <xf numFmtId="0" fontId="1" fillId="0" borderId="0"/>
  </cellStyleXfs>
  <cellXfs count="62">
    <xf numFmtId="0" fontId="0" fillId="0" borderId="0" xfId="0">
      <alignment vertical="center"/>
    </xf>
    <xf numFmtId="0" fontId="2" fillId="0" borderId="0" xfId="1" applyFont="1" applyAlignment="1">
      <alignment horizontal="left" vertical="center"/>
    </xf>
    <xf numFmtId="0" fontId="2" fillId="0" borderId="0" xfId="1" applyFont="1" applyAlignment="1">
      <alignment horizontal="center" vertical="center"/>
    </xf>
    <xf numFmtId="0" fontId="2" fillId="0" borderId="1" xfId="1" applyFont="1" applyBorder="1" applyAlignment="1">
      <alignment horizontal="center" vertical="center"/>
    </xf>
    <xf numFmtId="0" fontId="2" fillId="0" borderId="2" xfId="1" applyFont="1" applyBorder="1" applyAlignment="1">
      <alignment horizontal="left" vertical="center"/>
    </xf>
    <xf numFmtId="0" fontId="2" fillId="0" borderId="3" xfId="1" applyFont="1" applyBorder="1" applyAlignment="1">
      <alignment horizontal="left" vertical="center"/>
    </xf>
    <xf numFmtId="0" fontId="2" fillId="0" borderId="4" xfId="1" applyFont="1" applyBorder="1" applyAlignment="1">
      <alignment horizontal="left" vertical="center"/>
    </xf>
    <xf numFmtId="0" fontId="2" fillId="0" borderId="2" xfId="1" applyFont="1" applyBorder="1" applyAlignment="1">
      <alignment horizontal="center" vertical="center"/>
    </xf>
    <xf numFmtId="0" fontId="2" fillId="0" borderId="3" xfId="1" applyFont="1" applyBorder="1" applyAlignment="1">
      <alignment horizontal="center" vertical="center"/>
    </xf>
    <xf numFmtId="0" fontId="2" fillId="0" borderId="4" xfId="1" applyFont="1" applyBorder="1" applyAlignment="1">
      <alignment horizontal="center" vertical="center"/>
    </xf>
    <xf numFmtId="0" fontId="2" fillId="0" borderId="2" xfId="1" applyFont="1" applyBorder="1" applyAlignment="1">
      <alignment horizontal="center" vertical="center"/>
    </xf>
    <xf numFmtId="0" fontId="2" fillId="0" borderId="3" xfId="1" applyFont="1" applyBorder="1" applyAlignment="1">
      <alignment vertical="center"/>
    </xf>
    <xf numFmtId="0" fontId="2" fillId="0" borderId="3" xfId="1" applyFont="1" applyBorder="1" applyAlignment="1">
      <alignment horizontal="center" vertical="center"/>
    </xf>
    <xf numFmtId="0" fontId="2" fillId="0" borderId="4" xfId="1" applyFont="1" applyBorder="1" applyAlignment="1">
      <alignment vertical="center"/>
    </xf>
    <xf numFmtId="0" fontId="2" fillId="0" borderId="0" xfId="1" applyFont="1"/>
    <xf numFmtId="0" fontId="2" fillId="0" borderId="5" xfId="1" applyFont="1" applyBorder="1" applyAlignment="1">
      <alignment horizontal="center" vertical="center"/>
    </xf>
    <xf numFmtId="0" fontId="2" fillId="0" borderId="6" xfId="1" applyFont="1" applyBorder="1" applyAlignment="1">
      <alignment horizontal="center" vertical="center"/>
    </xf>
    <xf numFmtId="0" fontId="2" fillId="0" borderId="7" xfId="1" applyFont="1" applyBorder="1" applyAlignment="1">
      <alignment horizontal="center" vertical="center"/>
    </xf>
    <xf numFmtId="0" fontId="2" fillId="0" borderId="0" xfId="1" applyFont="1" applyAlignment="1">
      <alignment horizontal="center" vertical="center"/>
    </xf>
    <xf numFmtId="0" fontId="2" fillId="0" borderId="0" xfId="1" applyFont="1" applyAlignment="1">
      <alignment vertical="center"/>
    </xf>
    <xf numFmtId="0" fontId="2" fillId="0" borderId="6" xfId="1" applyFont="1" applyBorder="1" applyAlignment="1">
      <alignment vertical="center"/>
    </xf>
    <xf numFmtId="0" fontId="2" fillId="0" borderId="7" xfId="1" applyFont="1" applyBorder="1" applyAlignment="1">
      <alignment vertical="center"/>
    </xf>
    <xf numFmtId="0" fontId="2" fillId="0" borderId="8" xfId="1" applyFont="1" applyBorder="1" applyAlignment="1">
      <alignment horizontal="center" vertical="center"/>
    </xf>
    <xf numFmtId="0" fontId="2" fillId="0" borderId="9" xfId="1" applyFont="1" applyBorder="1" applyAlignment="1">
      <alignment horizontal="center" vertical="center"/>
    </xf>
    <xf numFmtId="0" fontId="2" fillId="0" borderId="10" xfId="1" applyFont="1" applyBorder="1" applyAlignment="1">
      <alignment horizontal="center" vertical="center"/>
    </xf>
    <xf numFmtId="0" fontId="2" fillId="0" borderId="8" xfId="1" applyFont="1" applyBorder="1" applyAlignment="1">
      <alignment horizontal="center" vertical="center"/>
    </xf>
    <xf numFmtId="0" fontId="2" fillId="0" borderId="9" xfId="1" applyFont="1" applyBorder="1" applyAlignment="1">
      <alignment horizontal="left" vertical="center"/>
    </xf>
    <xf numFmtId="0" fontId="2" fillId="0" borderId="9" xfId="1" applyFont="1" applyBorder="1" applyAlignment="1">
      <alignment vertical="center"/>
    </xf>
    <xf numFmtId="0" fontId="2" fillId="0" borderId="10" xfId="1" applyFont="1" applyBorder="1" applyAlignment="1">
      <alignment vertical="center"/>
    </xf>
    <xf numFmtId="0" fontId="2" fillId="0" borderId="6" xfId="1" applyFont="1" applyBorder="1" applyAlignment="1">
      <alignment horizontal="center" vertical="center"/>
    </xf>
    <xf numFmtId="0" fontId="2" fillId="0" borderId="6" xfId="1" applyFont="1" applyBorder="1" applyAlignment="1">
      <alignment horizontal="left" vertical="center"/>
    </xf>
    <xf numFmtId="0" fontId="2" fillId="0" borderId="5" xfId="1" applyFont="1" applyBorder="1" applyAlignment="1">
      <alignment horizontal="left" vertical="center"/>
    </xf>
    <xf numFmtId="0" fontId="2" fillId="0" borderId="11" xfId="1" applyFont="1" applyBorder="1" applyAlignment="1">
      <alignment horizontal="left" vertical="center"/>
    </xf>
    <xf numFmtId="0" fontId="2" fillId="0" borderId="12" xfId="1" applyFont="1" applyBorder="1" applyAlignment="1">
      <alignment horizontal="left" vertical="center"/>
    </xf>
    <xf numFmtId="0" fontId="5" fillId="0" borderId="0" xfId="1" applyFont="1" applyAlignment="1">
      <alignment horizontal="left" vertical="center"/>
    </xf>
    <xf numFmtId="0" fontId="2" fillId="0" borderId="2" xfId="1" applyFont="1" applyBorder="1" applyAlignment="1">
      <alignment horizontal="left" vertical="center"/>
    </xf>
    <xf numFmtId="0" fontId="2" fillId="0" borderId="3" xfId="1" applyFont="1" applyBorder="1" applyAlignment="1">
      <alignment horizontal="left" vertical="center"/>
    </xf>
    <xf numFmtId="0" fontId="2" fillId="0" borderId="4" xfId="1" applyFont="1" applyBorder="1" applyAlignment="1">
      <alignment horizontal="left" vertical="center"/>
    </xf>
    <xf numFmtId="0" fontId="2" fillId="0" borderId="4" xfId="1" applyFont="1" applyBorder="1" applyAlignment="1">
      <alignment horizontal="center" vertical="center"/>
    </xf>
    <xf numFmtId="0" fontId="2" fillId="0" borderId="7" xfId="1" applyFont="1" applyBorder="1" applyAlignment="1">
      <alignment horizontal="left" vertical="center"/>
    </xf>
    <xf numFmtId="0" fontId="6" fillId="0" borderId="0" xfId="1" applyFont="1" applyAlignment="1">
      <alignment horizontal="center" vertical="center"/>
    </xf>
    <xf numFmtId="0" fontId="2" fillId="0" borderId="5" xfId="1" applyFont="1" applyBorder="1" applyAlignment="1">
      <alignment horizontal="left" vertical="center" wrapText="1"/>
    </xf>
    <xf numFmtId="0" fontId="2" fillId="0" borderId="6" xfId="1" applyFont="1" applyBorder="1" applyAlignment="1">
      <alignment horizontal="left" vertical="center" wrapText="1"/>
    </xf>
    <xf numFmtId="0" fontId="2" fillId="0" borderId="8" xfId="1" applyFont="1" applyBorder="1" applyAlignment="1">
      <alignment vertical="center"/>
    </xf>
    <xf numFmtId="0" fontId="2" fillId="0" borderId="9" xfId="1" applyFont="1" applyBorder="1" applyAlignment="1">
      <alignment horizontal="center" vertical="center"/>
    </xf>
    <xf numFmtId="0" fontId="2" fillId="0" borderId="2" xfId="1" applyFont="1" applyBorder="1" applyAlignment="1">
      <alignment vertical="center"/>
    </xf>
    <xf numFmtId="0" fontId="2" fillId="0" borderId="8" xfId="1" applyFont="1" applyBorder="1" applyAlignment="1">
      <alignment horizontal="left" vertical="center" wrapText="1"/>
    </xf>
    <xf numFmtId="0" fontId="2" fillId="0" borderId="9" xfId="1" applyFont="1" applyBorder="1" applyAlignment="1">
      <alignment horizontal="left" vertical="center" wrapText="1"/>
    </xf>
    <xf numFmtId="0" fontId="2" fillId="0" borderId="8" xfId="1" applyFont="1" applyBorder="1" applyAlignment="1">
      <alignment horizontal="left" vertical="center"/>
    </xf>
    <xf numFmtId="0" fontId="2" fillId="0" borderId="10" xfId="1" applyFont="1" applyBorder="1" applyAlignment="1">
      <alignment horizontal="left" vertical="center"/>
    </xf>
    <xf numFmtId="0" fontId="6" fillId="0" borderId="9" xfId="1" applyFont="1" applyBorder="1" applyAlignment="1">
      <alignment horizontal="center" vertical="center"/>
    </xf>
    <xf numFmtId="0" fontId="2" fillId="0" borderId="5" xfId="1" applyFont="1" applyBorder="1" applyAlignment="1">
      <alignment horizontal="left" vertical="center"/>
    </xf>
    <xf numFmtId="0" fontId="2" fillId="0" borderId="6" xfId="1" applyFont="1" applyBorder="1" applyAlignment="1">
      <alignment horizontal="left" vertical="center"/>
    </xf>
    <xf numFmtId="0" fontId="2" fillId="0" borderId="7" xfId="1" applyFont="1" applyBorder="1" applyAlignment="1">
      <alignment horizontal="left" vertical="center"/>
    </xf>
    <xf numFmtId="0" fontId="2" fillId="0" borderId="11" xfId="1" applyFont="1" applyBorder="1" applyAlignment="1">
      <alignment vertical="center"/>
    </xf>
    <xf numFmtId="0" fontId="2" fillId="0" borderId="2" xfId="1" applyFont="1" applyBorder="1" applyAlignment="1">
      <alignment horizontal="left" vertical="center" wrapText="1"/>
    </xf>
    <xf numFmtId="0" fontId="2" fillId="0" borderId="3" xfId="1" applyFont="1" applyBorder="1" applyAlignment="1">
      <alignment horizontal="left" vertical="center" wrapText="1"/>
    </xf>
    <xf numFmtId="0" fontId="2" fillId="0" borderId="4" xfId="1" applyFont="1" applyBorder="1" applyAlignment="1">
      <alignment horizontal="left" vertical="center" wrapText="1"/>
    </xf>
    <xf numFmtId="0" fontId="2" fillId="0" borderId="0" xfId="1" applyFont="1" applyAlignment="1">
      <alignment horizontal="left"/>
    </xf>
    <xf numFmtId="0" fontId="2" fillId="0" borderId="9" xfId="1" applyFont="1" applyBorder="1"/>
    <xf numFmtId="0" fontId="2" fillId="0" borderId="6" xfId="1" applyFont="1" applyBorder="1"/>
    <xf numFmtId="0" fontId="2" fillId="0" borderId="0" xfId="1" applyFont="1" applyAlignment="1">
      <alignment horizontal="center"/>
    </xf>
  </cellXfs>
  <cellStyles count="2">
    <cellStyle name="標準" xfId="0" builtinId="0"/>
    <cellStyle name="標準 2" xfId="1" xr:uid="{90BE7A18-991A-4C05-BA12-E642AE6D21DA}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sharedStrings" Target="sharedStrings.xml"/><Relationship Id="rId3" Type="http://schemas.openxmlformats.org/officeDocument/2006/relationships/externalLink" Target="externalLinks/externalLink1.xml"/><Relationship Id="rId7" Type="http://schemas.openxmlformats.org/officeDocument/2006/relationships/styles" Target="styles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theme" Target="theme/theme1.xml"/><Relationship Id="rId5" Type="http://schemas.openxmlformats.org/officeDocument/2006/relationships/externalLink" Target="externalLinks/externalLink3.xml"/><Relationship Id="rId4" Type="http://schemas.openxmlformats.org/officeDocument/2006/relationships/externalLink" Target="externalLinks/externalLink2.xml"/></Relationships>
</file>

<file path=xl/externalLinks/_rels/externalLink1.xml.rels><?xml version="1.0" encoding="UTF-8" standalone="yes"?>
<Relationships xmlns="http://schemas.openxmlformats.org/package/2006/relationships"><Relationship Id="rId1" Type="http://schemas.microsoft.com/office/2006/relationships/xlExternalLinkPath/xlPathMissing" Target="&#22238;&#24489;&#12373;&#12428;&#12383;&#22806;&#37096;&#12522;&#12531;&#12463;1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microsoft.com/office/2006/relationships/xlExternalLinkPath/xlPathMissing" Target="&#22238;&#24489;&#12373;&#12428;&#12383;&#22806;&#37096;&#12522;&#12531;&#12463;2" TargetMode="External"/></Relationships>
</file>

<file path=xl/externalLinks/_rels/externalLink3.xml.rels><?xml version="1.0" encoding="UTF-8" standalone="yes"?>
<Relationships xmlns="http://schemas.openxmlformats.org/package/2006/relationships"><Relationship Id="rId1" Type="http://schemas.microsoft.com/office/2006/relationships/xlExternalLinkPath/xlPathMissing" Target="&#22238;&#24489;&#12373;&#12428;&#12383;&#22806;&#37096;&#12522;&#12531;&#12463;3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共通様式"/>
      <sheetName val="まとめ提出一覧"/>
      <sheetName val="様式６（ｷｬﾘｱﾊﾟｽ等届）"/>
      <sheetName val="整理表"/>
      <sheetName val="サービス種類一覧"/>
    </sheetNames>
    <sheetDataSet>
      <sheetData sheetId="0"/>
      <sheetData sheetId="1"/>
      <sheetData sheetId="2"/>
      <sheetData sheetId="3"/>
      <sheetData sheetId="4">
        <row r="4">
          <cell r="B4" t="str">
            <v>訪問介護（介護予防含む）</v>
          </cell>
        </row>
        <row r="5">
          <cell r="B5" t="str">
            <v>夜間対応型訪問介護</v>
          </cell>
        </row>
        <row r="6">
          <cell r="B6" t="str">
            <v>訪問入浴介護（介護予防含む）</v>
          </cell>
        </row>
        <row r="7">
          <cell r="B7" t="str">
            <v>通所介護（介護予防含む）</v>
          </cell>
        </row>
        <row r="8">
          <cell r="B8" t="str">
            <v>認知症対応型通所介護（介護予防含む）</v>
          </cell>
        </row>
        <row r="9">
          <cell r="B9" t="str">
            <v>通所リハビリテーション（介護予防含む）</v>
          </cell>
        </row>
        <row r="10">
          <cell r="B10" t="str">
            <v>短期入所生活介護（介護予防含む）</v>
          </cell>
        </row>
        <row r="11">
          <cell r="B11" t="str">
            <v>短期入所療養介護（老健）（介護予防含む）</v>
          </cell>
        </row>
        <row r="12">
          <cell r="B12" t="str">
            <v>短期入所療養介護（老健以外）（介護予防含む）</v>
          </cell>
        </row>
        <row r="13">
          <cell r="B13" t="str">
            <v>特定施設入居者生活介護（介護予防含む）</v>
          </cell>
        </row>
        <row r="14">
          <cell r="B14" t="str">
            <v>地域密着型特定施設入居者生活介護</v>
          </cell>
        </row>
        <row r="15">
          <cell r="B15" t="str">
            <v>認知症対応型共同生活介護（介護予防含む）</v>
          </cell>
        </row>
        <row r="16">
          <cell r="B16" t="str">
            <v>小規模多機能型居宅介護（介護予防含む）</v>
          </cell>
        </row>
        <row r="17">
          <cell r="B17" t="str">
            <v>介護福祉施設サービス</v>
          </cell>
        </row>
        <row r="18">
          <cell r="B18" t="str">
            <v>地域密着型介護老人福祉施設</v>
          </cell>
        </row>
        <row r="19">
          <cell r="B19" t="str">
            <v>介護保健施設サービス</v>
          </cell>
        </row>
        <row r="20">
          <cell r="B20" t="str">
            <v>介護療養施設サービス</v>
          </cell>
        </row>
      </sheetData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共通様式 (2)"/>
      <sheetName val="共通別紙"/>
      <sheetName val="様式６（ｷｬﾘｱﾊﾟｽ等届）"/>
      <sheetName val="サービス種類一覧"/>
      <sheetName val="整理表"/>
      <sheetName val="Sheet3"/>
    </sheetNames>
    <sheetDataSet>
      <sheetData sheetId="0"/>
      <sheetData sheetId="1"/>
      <sheetData sheetId="2"/>
      <sheetData sheetId="3">
        <row r="4">
          <cell r="C4" t="str">
            <v>訪問介護（介護予防含む）</v>
          </cell>
        </row>
        <row r="5">
          <cell r="C5" t="str">
            <v>夜間対応型訪問介護</v>
          </cell>
        </row>
        <row r="6">
          <cell r="C6" t="str">
            <v>訪問入浴介護（介護予防含む）</v>
          </cell>
        </row>
        <row r="7">
          <cell r="C7" t="str">
            <v>通所介護（介護予防含む）</v>
          </cell>
        </row>
        <row r="8">
          <cell r="C8" t="str">
            <v>認知症対応型通所介護（介護予防含む）</v>
          </cell>
        </row>
        <row r="9">
          <cell r="C9" t="str">
            <v>通所リハビリテーション（介護予防含む）</v>
          </cell>
        </row>
        <row r="10">
          <cell r="C10" t="str">
            <v>短期入所生活介護（介護予防含む）</v>
          </cell>
        </row>
        <row r="11">
          <cell r="C11" t="str">
            <v>短期入所療養介護（老健）（介護予防含む）</v>
          </cell>
        </row>
        <row r="12">
          <cell r="C12" t="str">
            <v>短期入所療養介護（老健以外）（介護予防含む）</v>
          </cell>
        </row>
        <row r="13">
          <cell r="C13" t="str">
            <v>特定施設入居者生活介護（介護予防含む）</v>
          </cell>
        </row>
        <row r="14">
          <cell r="C14" t="str">
            <v>地域密着型特定施設入居者生活介護</v>
          </cell>
        </row>
        <row r="15">
          <cell r="C15" t="str">
            <v>認知症対応型共同生活介護（介護予防含む）</v>
          </cell>
        </row>
        <row r="16">
          <cell r="C16" t="str">
            <v>小規模多機能型居宅介護（介護予防含む）</v>
          </cell>
        </row>
        <row r="17">
          <cell r="C17" t="str">
            <v>介護福祉施設サービス</v>
          </cell>
        </row>
        <row r="18">
          <cell r="C18" t="str">
            <v>地域密着型介護老人福祉施設</v>
          </cell>
        </row>
        <row r="19">
          <cell r="C19" t="str">
            <v>介護保健施設サービス</v>
          </cell>
        </row>
        <row r="20">
          <cell r="C20" t="str">
            <v>介護療養施設サービス</v>
          </cell>
        </row>
      </sheetData>
      <sheetData sheetId="4"/>
      <sheetData sheetId="5"/>
    </sheetDataSet>
  </externalBook>
</externalLink>
</file>

<file path=xl/externalLinks/externalLink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共通様式"/>
      <sheetName val="様式3"/>
      <sheetName val="様式４"/>
      <sheetName val="様式4添付１"/>
      <sheetName val="様式2添付3（周知方法）"/>
      <sheetName val="サービス種類一覧"/>
      <sheetName val="別表加算率一覧"/>
    </sheetNames>
    <sheetDataSet>
      <sheetData sheetId="0"/>
      <sheetData sheetId="1"/>
      <sheetData sheetId="2"/>
      <sheetData sheetId="3"/>
      <sheetData sheetId="4"/>
      <sheetData sheetId="5">
        <row r="4">
          <cell r="A4" t="str">
            <v>訪問介護（介護予防含む）</v>
          </cell>
        </row>
        <row r="5">
          <cell r="A5" t="str">
            <v>夜間対応型訪問介護</v>
          </cell>
        </row>
        <row r="6">
          <cell r="A6" t="str">
            <v>訪問入浴介護（介護予防含む）</v>
          </cell>
        </row>
        <row r="7">
          <cell r="A7" t="str">
            <v>通所介護（介護予防含む）</v>
          </cell>
        </row>
        <row r="8">
          <cell r="A8" t="str">
            <v>認知症対応型通所介護（介護予防含む）</v>
          </cell>
        </row>
        <row r="9">
          <cell r="A9" t="str">
            <v>通所リハビリテーション（介護予防含む）</v>
          </cell>
        </row>
        <row r="10">
          <cell r="A10" t="str">
            <v>短期入所生活介護（介護予防含む）</v>
          </cell>
        </row>
        <row r="11">
          <cell r="A11" t="str">
            <v>短期入所療養介護（老健）（介護予防含む）</v>
          </cell>
        </row>
        <row r="12">
          <cell r="A12" t="str">
            <v>短期入所療養介護（老健以外）（介護予防含む）</v>
          </cell>
        </row>
        <row r="13">
          <cell r="A13" t="str">
            <v>特定施設入居者生活介護（介護予防含む）</v>
          </cell>
        </row>
        <row r="14">
          <cell r="A14" t="str">
            <v>地域密着型特定施設入居者生活介護</v>
          </cell>
        </row>
        <row r="15">
          <cell r="A15" t="str">
            <v>認知症対応型共同生活介護（介護予防含む）</v>
          </cell>
        </row>
        <row r="16">
          <cell r="A16" t="str">
            <v>小規模多機能型居宅介護（介護予防含む）</v>
          </cell>
        </row>
        <row r="17">
          <cell r="A17" t="str">
            <v>介護福祉施設サービス</v>
          </cell>
        </row>
        <row r="18">
          <cell r="A18" t="str">
            <v>地域密着型介護老人福祉施設</v>
          </cell>
        </row>
        <row r="19">
          <cell r="A19" t="str">
            <v>介護保健施設サービス</v>
          </cell>
        </row>
        <row r="20">
          <cell r="A20" t="str">
            <v>介護療養施設サービス</v>
          </cell>
        </row>
      </sheetData>
      <sheetData sheetId="6" refreshError="1"/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70C479FF-4D58-4D26-9289-4FD11B3A1797}">
  <dimension ref="A1:AA123"/>
  <sheetViews>
    <sheetView tabSelected="1" view="pageBreakPreview" zoomScale="130" zoomScaleNormal="100" zoomScaleSheetLayoutView="130" workbookViewId="0">
      <selection activeCell="F61" sqref="F61"/>
    </sheetView>
  </sheetViews>
  <sheetFormatPr defaultColWidth="3.5" defaultRowHeight="13.5" x14ac:dyDescent="0.15"/>
  <cols>
    <col min="1" max="1" width="3.5" style="14"/>
    <col min="2" max="2" width="3" style="61" customWidth="1"/>
    <col min="3" max="7" width="3.5" style="14"/>
    <col min="8" max="8" width="2.5" style="14" customWidth="1"/>
    <col min="9" max="16384" width="3.5" style="14"/>
  </cols>
  <sheetData>
    <row r="1" spans="2:26" s="1" customFormat="1" x14ac:dyDescent="0.4"/>
    <row r="2" spans="2:26" s="1" customFormat="1" x14ac:dyDescent="0.4">
      <c r="B2" s="1" t="s">
        <v>0</v>
      </c>
    </row>
    <row r="3" spans="2:26" s="1" customFormat="1" x14ac:dyDescent="0.4"/>
    <row r="4" spans="2:26" s="1" customFormat="1" x14ac:dyDescent="0.4">
      <c r="B4" s="2" t="s">
        <v>1</v>
      </c>
      <c r="C4" s="2"/>
      <c r="D4" s="2"/>
      <c r="E4" s="2"/>
      <c r="F4" s="2"/>
      <c r="G4" s="2"/>
      <c r="H4" s="2"/>
      <c r="I4" s="2"/>
      <c r="J4" s="2"/>
      <c r="K4" s="2"/>
      <c r="L4" s="2"/>
      <c r="M4" s="2"/>
      <c r="N4" s="2"/>
      <c r="O4" s="2"/>
      <c r="P4" s="2"/>
      <c r="Q4" s="2"/>
      <c r="R4" s="2"/>
      <c r="S4" s="2"/>
      <c r="T4" s="2"/>
      <c r="U4" s="2"/>
      <c r="V4" s="2"/>
      <c r="W4" s="2"/>
      <c r="X4" s="2"/>
      <c r="Y4" s="2"/>
      <c r="Z4" s="2"/>
    </row>
    <row r="5" spans="2:26" s="1" customFormat="1" x14ac:dyDescent="0.4"/>
    <row r="6" spans="2:26" s="1" customFormat="1" ht="39.75" customHeight="1" x14ac:dyDescent="0.4">
      <c r="B6" s="3" t="s">
        <v>2</v>
      </c>
      <c r="C6" s="3"/>
      <c r="D6" s="3"/>
      <c r="E6" s="3"/>
      <c r="F6" s="3"/>
      <c r="G6" s="4"/>
      <c r="H6" s="5"/>
      <c r="I6" s="5"/>
      <c r="J6" s="5"/>
      <c r="K6" s="5"/>
      <c r="L6" s="5"/>
      <c r="M6" s="5"/>
      <c r="N6" s="5"/>
      <c r="O6" s="5"/>
      <c r="P6" s="5"/>
      <c r="Q6" s="5"/>
      <c r="R6" s="5"/>
      <c r="S6" s="5"/>
      <c r="T6" s="5"/>
      <c r="U6" s="5"/>
      <c r="V6" s="5"/>
      <c r="W6" s="5"/>
      <c r="X6" s="5"/>
      <c r="Y6" s="5"/>
      <c r="Z6" s="6"/>
    </row>
    <row r="7" spans="2:26" ht="39.75" customHeight="1" x14ac:dyDescent="0.15">
      <c r="B7" s="7" t="s">
        <v>3</v>
      </c>
      <c r="C7" s="8"/>
      <c r="D7" s="8"/>
      <c r="E7" s="8"/>
      <c r="F7" s="9"/>
      <c r="G7" s="10" t="s">
        <v>4</v>
      </c>
      <c r="H7" s="11" t="s">
        <v>5</v>
      </c>
      <c r="I7" s="11"/>
      <c r="J7" s="11"/>
      <c r="K7" s="11"/>
      <c r="L7" s="12" t="s">
        <v>4</v>
      </c>
      <c r="M7" s="11" t="s">
        <v>6</v>
      </c>
      <c r="N7" s="11"/>
      <c r="O7" s="11"/>
      <c r="P7" s="11"/>
      <c r="Q7" s="12" t="s">
        <v>4</v>
      </c>
      <c r="R7" s="11" t="s">
        <v>7</v>
      </c>
      <c r="S7" s="11"/>
      <c r="T7" s="11"/>
      <c r="U7" s="11"/>
      <c r="V7" s="11"/>
      <c r="W7" s="11"/>
      <c r="X7" s="11"/>
      <c r="Y7" s="11"/>
      <c r="Z7" s="13"/>
    </row>
    <row r="8" spans="2:26" ht="20.100000000000001" customHeight="1" x14ac:dyDescent="0.15">
      <c r="B8" s="15" t="s">
        <v>8</v>
      </c>
      <c r="C8" s="16"/>
      <c r="D8" s="16"/>
      <c r="E8" s="16"/>
      <c r="F8" s="17"/>
      <c r="G8" s="18" t="s">
        <v>4</v>
      </c>
      <c r="H8" s="1" t="s">
        <v>9</v>
      </c>
      <c r="I8" s="19"/>
      <c r="J8" s="19"/>
      <c r="K8" s="19"/>
      <c r="L8" s="19"/>
      <c r="M8" s="19"/>
      <c r="N8" s="19"/>
      <c r="O8" s="19"/>
      <c r="P8" s="19"/>
      <c r="Q8" s="19"/>
      <c r="R8" s="19"/>
      <c r="S8" s="19"/>
      <c r="T8" s="20"/>
      <c r="U8" s="20"/>
      <c r="V8" s="20"/>
      <c r="W8" s="20"/>
      <c r="X8" s="20"/>
      <c r="Y8" s="20"/>
      <c r="Z8" s="21"/>
    </row>
    <row r="9" spans="2:26" ht="20.100000000000001" customHeight="1" x14ac:dyDescent="0.15">
      <c r="B9" s="22"/>
      <c r="C9" s="23"/>
      <c r="D9" s="23"/>
      <c r="E9" s="23"/>
      <c r="F9" s="24"/>
      <c r="G9" s="25" t="s">
        <v>4</v>
      </c>
      <c r="H9" s="26" t="s">
        <v>10</v>
      </c>
      <c r="I9" s="27"/>
      <c r="J9" s="27"/>
      <c r="K9" s="27"/>
      <c r="L9" s="27"/>
      <c r="M9" s="27"/>
      <c r="N9" s="27"/>
      <c r="O9" s="27"/>
      <c r="P9" s="27"/>
      <c r="Q9" s="27"/>
      <c r="R9" s="27"/>
      <c r="S9" s="27"/>
      <c r="T9" s="27"/>
      <c r="U9" s="27"/>
      <c r="V9" s="27"/>
      <c r="W9" s="27"/>
      <c r="X9" s="27"/>
      <c r="Y9" s="27"/>
      <c r="Z9" s="28"/>
    </row>
    <row r="10" spans="2:26" ht="20.100000000000001" customHeight="1" x14ac:dyDescent="0.15">
      <c r="B10" s="15" t="s">
        <v>11</v>
      </c>
      <c r="C10" s="16"/>
      <c r="D10" s="16"/>
      <c r="E10" s="16"/>
      <c r="F10" s="17"/>
      <c r="G10" s="29" t="s">
        <v>4</v>
      </c>
      <c r="H10" s="30" t="s">
        <v>12</v>
      </c>
      <c r="I10" s="20"/>
      <c r="J10" s="20"/>
      <c r="K10" s="20"/>
      <c r="L10" s="20"/>
      <c r="M10" s="20"/>
      <c r="N10" s="20"/>
      <c r="O10" s="20"/>
      <c r="P10" s="20"/>
      <c r="Q10" s="20"/>
      <c r="R10" s="20"/>
      <c r="S10" s="20"/>
      <c r="T10" s="20"/>
      <c r="U10" s="20"/>
      <c r="V10" s="20"/>
      <c r="W10" s="20"/>
      <c r="X10" s="20"/>
      <c r="Y10" s="20"/>
      <c r="Z10" s="21"/>
    </row>
    <row r="11" spans="2:26" ht="20.100000000000001" customHeight="1" x14ac:dyDescent="0.15">
      <c r="B11" s="22"/>
      <c r="C11" s="23"/>
      <c r="D11" s="23"/>
      <c r="E11" s="23"/>
      <c r="F11" s="24"/>
      <c r="G11" s="18" t="s">
        <v>4</v>
      </c>
      <c r="H11" s="1" t="s">
        <v>13</v>
      </c>
      <c r="I11" s="19"/>
      <c r="J11" s="19"/>
      <c r="K11" s="19"/>
      <c r="L11" s="19"/>
      <c r="M11" s="19"/>
      <c r="N11" s="19"/>
      <c r="O11" s="19"/>
      <c r="P11" s="19"/>
      <c r="Q11" s="19"/>
      <c r="R11" s="19"/>
      <c r="S11" s="19"/>
      <c r="T11" s="19"/>
      <c r="U11" s="19"/>
      <c r="V11" s="19"/>
      <c r="W11" s="19"/>
      <c r="X11" s="19"/>
      <c r="Y11" s="19"/>
      <c r="Z11" s="28"/>
    </row>
    <row r="12" spans="2:26" s="1" customFormat="1" ht="27" customHeight="1" x14ac:dyDescent="0.4">
      <c r="B12" s="31" t="s">
        <v>14</v>
      </c>
      <c r="C12" s="30"/>
      <c r="D12" s="30"/>
      <c r="E12" s="30"/>
      <c r="F12" s="30"/>
      <c r="G12" s="30"/>
      <c r="H12" s="30"/>
      <c r="I12" s="30"/>
      <c r="J12" s="30"/>
      <c r="K12" s="30"/>
      <c r="L12" s="30"/>
      <c r="M12" s="30"/>
      <c r="N12" s="30"/>
      <c r="O12" s="30"/>
      <c r="P12" s="30"/>
      <c r="Q12" s="30"/>
      <c r="R12" s="30"/>
      <c r="S12" s="30"/>
      <c r="T12" s="30"/>
      <c r="U12" s="30"/>
      <c r="V12" s="30"/>
      <c r="W12" s="30"/>
      <c r="X12" s="30"/>
      <c r="Y12" s="30"/>
      <c r="Z12" s="32"/>
    </row>
    <row r="13" spans="2:26" s="1" customFormat="1" x14ac:dyDescent="0.4">
      <c r="B13" s="33"/>
      <c r="Z13" s="32"/>
    </row>
    <row r="14" spans="2:26" s="1" customFormat="1" x14ac:dyDescent="0.4">
      <c r="B14" s="33"/>
      <c r="C14" s="34" t="s">
        <v>15</v>
      </c>
      <c r="Z14" s="32"/>
    </row>
    <row r="15" spans="2:26" s="1" customFormat="1" ht="26.25" customHeight="1" x14ac:dyDescent="0.4">
      <c r="B15" s="33"/>
      <c r="C15" s="35" t="s">
        <v>16</v>
      </c>
      <c r="D15" s="36"/>
      <c r="E15" s="36"/>
      <c r="F15" s="36"/>
      <c r="G15" s="37"/>
      <c r="H15" s="35" t="s">
        <v>17</v>
      </c>
      <c r="I15" s="36"/>
      <c r="J15" s="36"/>
      <c r="K15" s="8"/>
      <c r="L15" s="8"/>
      <c r="M15" s="38" t="s">
        <v>18</v>
      </c>
      <c r="Z15" s="32"/>
    </row>
    <row r="16" spans="2:26" s="1" customFormat="1" ht="26.25" customHeight="1" x14ac:dyDescent="0.4">
      <c r="B16" s="33"/>
      <c r="C16" s="35" t="s">
        <v>19</v>
      </c>
      <c r="D16" s="36"/>
      <c r="E16" s="36"/>
      <c r="F16" s="36"/>
      <c r="G16" s="37"/>
      <c r="H16" s="35" t="s">
        <v>17</v>
      </c>
      <c r="I16" s="36"/>
      <c r="J16" s="36"/>
      <c r="K16" s="8"/>
      <c r="L16" s="8"/>
      <c r="M16" s="38" t="s">
        <v>18</v>
      </c>
      <c r="Z16" s="32"/>
    </row>
    <row r="17" spans="2:26" s="1" customFormat="1" ht="26.25" customHeight="1" x14ac:dyDescent="0.4">
      <c r="B17" s="33"/>
      <c r="C17" s="35" t="s">
        <v>20</v>
      </c>
      <c r="D17" s="36"/>
      <c r="E17" s="36"/>
      <c r="F17" s="36"/>
      <c r="G17" s="37"/>
      <c r="H17" s="35" t="s">
        <v>17</v>
      </c>
      <c r="I17" s="36"/>
      <c r="J17" s="36"/>
      <c r="K17" s="8"/>
      <c r="L17" s="8"/>
      <c r="M17" s="38" t="s">
        <v>18</v>
      </c>
      <c r="Z17" s="32"/>
    </row>
    <row r="18" spans="2:26" s="1" customFormat="1" ht="7.5" customHeight="1" x14ac:dyDescent="0.4">
      <c r="B18" s="33"/>
      <c r="K18" s="18"/>
      <c r="L18" s="18"/>
      <c r="M18" s="18"/>
      <c r="Z18" s="32"/>
    </row>
    <row r="19" spans="2:26" s="1" customFormat="1" ht="5.25" customHeight="1" x14ac:dyDescent="0.4">
      <c r="B19" s="33"/>
      <c r="L19" s="18"/>
      <c r="Q19" s="18"/>
      <c r="U19" s="31"/>
      <c r="V19" s="29"/>
      <c r="W19" s="30"/>
      <c r="X19" s="30"/>
      <c r="Y19" s="39"/>
      <c r="Z19" s="32"/>
    </row>
    <row r="20" spans="2:26" s="1" customFormat="1" x14ac:dyDescent="0.4">
      <c r="B20" s="33"/>
      <c r="L20" s="18"/>
      <c r="Q20" s="18"/>
      <c r="U20" s="33"/>
      <c r="V20" s="40" t="s">
        <v>21</v>
      </c>
      <c r="W20" s="40" t="s">
        <v>22</v>
      </c>
      <c r="X20" s="40" t="s">
        <v>23</v>
      </c>
      <c r="Y20" s="32"/>
      <c r="Z20" s="32"/>
    </row>
    <row r="21" spans="2:26" s="1" customFormat="1" ht="6" customHeight="1" x14ac:dyDescent="0.4">
      <c r="B21" s="33"/>
      <c r="L21" s="18"/>
      <c r="Q21" s="18"/>
      <c r="U21" s="33"/>
      <c r="V21" s="40"/>
      <c r="W21" s="40"/>
      <c r="X21" s="40"/>
      <c r="Y21" s="32"/>
      <c r="Z21" s="32"/>
    </row>
    <row r="22" spans="2:26" s="1" customFormat="1" ht="31.5" customHeight="1" x14ac:dyDescent="0.4">
      <c r="B22" s="33"/>
      <c r="C22" s="41" t="s">
        <v>24</v>
      </c>
      <c r="D22" s="42"/>
      <c r="E22" s="42"/>
      <c r="F22" s="42"/>
      <c r="G22" s="42"/>
      <c r="H22" s="42"/>
      <c r="I22" s="42"/>
      <c r="J22" s="42"/>
      <c r="K22" s="42"/>
      <c r="L22" s="42"/>
      <c r="M22" s="42"/>
      <c r="N22" s="42"/>
      <c r="O22" s="42"/>
      <c r="P22" s="42"/>
      <c r="Q22" s="42"/>
      <c r="R22" s="42"/>
      <c r="S22" s="42"/>
      <c r="T22" s="42"/>
      <c r="U22" s="43"/>
      <c r="V22" s="44" t="s">
        <v>4</v>
      </c>
      <c r="W22" s="44" t="s">
        <v>22</v>
      </c>
      <c r="X22" s="44" t="s">
        <v>4</v>
      </c>
      <c r="Y22" s="28"/>
      <c r="Z22" s="32"/>
    </row>
    <row r="23" spans="2:26" s="1" customFormat="1" ht="31.5" customHeight="1" x14ac:dyDescent="0.4">
      <c r="B23" s="33"/>
      <c r="C23" s="4" t="s">
        <v>25</v>
      </c>
      <c r="D23" s="5"/>
      <c r="E23" s="5"/>
      <c r="F23" s="5"/>
      <c r="G23" s="5"/>
      <c r="H23" s="5"/>
      <c r="I23" s="5"/>
      <c r="J23" s="5"/>
      <c r="K23" s="5"/>
      <c r="L23" s="5"/>
      <c r="M23" s="5"/>
      <c r="N23" s="5"/>
      <c r="O23" s="5"/>
      <c r="P23" s="5"/>
      <c r="Q23" s="5"/>
      <c r="R23" s="5"/>
      <c r="S23" s="5"/>
      <c r="T23" s="6"/>
      <c r="U23" s="45"/>
      <c r="V23" s="12" t="s">
        <v>4</v>
      </c>
      <c r="W23" s="12" t="s">
        <v>22</v>
      </c>
      <c r="X23" s="12" t="s">
        <v>4</v>
      </c>
      <c r="Y23" s="13"/>
      <c r="Z23" s="32"/>
    </row>
    <row r="24" spans="2:26" s="1" customFormat="1" ht="41.25" customHeight="1" x14ac:dyDescent="0.4">
      <c r="B24" s="33"/>
      <c r="C24" s="46" t="s">
        <v>26</v>
      </c>
      <c r="D24" s="47"/>
      <c r="E24" s="47"/>
      <c r="F24" s="47"/>
      <c r="G24" s="47"/>
      <c r="H24" s="47"/>
      <c r="I24" s="47"/>
      <c r="J24" s="47"/>
      <c r="K24" s="47"/>
      <c r="L24" s="47"/>
      <c r="M24" s="47"/>
      <c r="N24" s="47"/>
      <c r="O24" s="47"/>
      <c r="P24" s="47"/>
      <c r="Q24" s="47"/>
      <c r="R24" s="47"/>
      <c r="S24" s="47"/>
      <c r="T24" s="47"/>
      <c r="U24" s="43"/>
      <c r="V24" s="44" t="s">
        <v>4</v>
      </c>
      <c r="W24" s="44" t="s">
        <v>22</v>
      </c>
      <c r="X24" s="44" t="s">
        <v>4</v>
      </c>
      <c r="Y24" s="28"/>
      <c r="Z24" s="32"/>
    </row>
    <row r="25" spans="2:26" s="1" customFormat="1" ht="17.25" customHeight="1" x14ac:dyDescent="0.4">
      <c r="B25" s="48"/>
      <c r="C25" s="44"/>
      <c r="D25" s="44"/>
      <c r="E25" s="44"/>
      <c r="F25" s="44"/>
      <c r="G25" s="44"/>
      <c r="H25" s="44"/>
      <c r="I25" s="44"/>
      <c r="J25" s="44"/>
      <c r="K25" s="44"/>
      <c r="L25" s="44"/>
      <c r="M25" s="44"/>
      <c r="N25" s="44"/>
      <c r="O25" s="44"/>
      <c r="P25" s="44"/>
      <c r="Q25" s="44"/>
      <c r="R25" s="26"/>
      <c r="S25" s="26"/>
      <c r="T25" s="27"/>
      <c r="U25" s="27"/>
      <c r="V25" s="44"/>
      <c r="W25" s="44"/>
      <c r="X25" s="44"/>
      <c r="Y25" s="27"/>
      <c r="Z25" s="49"/>
    </row>
    <row r="26" spans="2:26" s="1" customFormat="1" ht="27" customHeight="1" x14ac:dyDescent="0.4">
      <c r="B26" s="33" t="s">
        <v>27</v>
      </c>
      <c r="Z26" s="32"/>
    </row>
    <row r="27" spans="2:26" s="1" customFormat="1" x14ac:dyDescent="0.4">
      <c r="B27" s="33"/>
      <c r="C27" s="34" t="s">
        <v>15</v>
      </c>
      <c r="Z27" s="32"/>
    </row>
    <row r="28" spans="2:26" s="1" customFormat="1" ht="26.25" customHeight="1" x14ac:dyDescent="0.4">
      <c r="B28" s="33"/>
      <c r="C28" s="35" t="s">
        <v>16</v>
      </c>
      <c r="D28" s="36"/>
      <c r="E28" s="36"/>
      <c r="F28" s="36"/>
      <c r="G28" s="37"/>
      <c r="H28" s="35" t="s">
        <v>17</v>
      </c>
      <c r="I28" s="36"/>
      <c r="J28" s="36"/>
      <c r="K28" s="8"/>
      <c r="L28" s="8"/>
      <c r="M28" s="38" t="s">
        <v>18</v>
      </c>
      <c r="Z28" s="32"/>
    </row>
    <row r="29" spans="2:26" s="1" customFormat="1" ht="26.25" customHeight="1" x14ac:dyDescent="0.4">
      <c r="B29" s="33"/>
      <c r="C29" s="35" t="s">
        <v>19</v>
      </c>
      <c r="D29" s="36"/>
      <c r="E29" s="36"/>
      <c r="F29" s="36"/>
      <c r="G29" s="37"/>
      <c r="H29" s="35" t="s">
        <v>17</v>
      </c>
      <c r="I29" s="36"/>
      <c r="J29" s="36"/>
      <c r="K29" s="8"/>
      <c r="L29" s="8"/>
      <c r="M29" s="38" t="s">
        <v>18</v>
      </c>
      <c r="Z29" s="32"/>
    </row>
    <row r="30" spans="2:26" s="1" customFormat="1" ht="26.25" customHeight="1" x14ac:dyDescent="0.4">
      <c r="B30" s="33"/>
      <c r="C30" s="35" t="s">
        <v>20</v>
      </c>
      <c r="D30" s="36"/>
      <c r="E30" s="36"/>
      <c r="F30" s="36"/>
      <c r="G30" s="37"/>
      <c r="H30" s="35" t="s">
        <v>17</v>
      </c>
      <c r="I30" s="36"/>
      <c r="J30" s="36"/>
      <c r="K30" s="8"/>
      <c r="L30" s="8"/>
      <c r="M30" s="38" t="s">
        <v>18</v>
      </c>
      <c r="Z30" s="32"/>
    </row>
    <row r="31" spans="2:26" s="1" customFormat="1" ht="5.25" customHeight="1" x14ac:dyDescent="0.4">
      <c r="B31" s="33"/>
      <c r="L31" s="18"/>
      <c r="Q31" s="18"/>
      <c r="V31" s="18"/>
      <c r="Z31" s="32"/>
    </row>
    <row r="32" spans="2:26" s="1" customFormat="1" ht="5.25" customHeight="1" x14ac:dyDescent="0.4">
      <c r="B32" s="33"/>
      <c r="L32" s="18"/>
      <c r="Q32" s="18"/>
      <c r="U32" s="31"/>
      <c r="V32" s="29"/>
      <c r="W32" s="30"/>
      <c r="X32" s="30"/>
      <c r="Y32" s="39"/>
      <c r="Z32" s="32"/>
    </row>
    <row r="33" spans="1:27" s="1" customFormat="1" x14ac:dyDescent="0.4">
      <c r="B33" s="33"/>
      <c r="L33" s="18"/>
      <c r="Q33" s="18"/>
      <c r="U33" s="33"/>
      <c r="V33" s="40" t="s">
        <v>21</v>
      </c>
      <c r="W33" s="40" t="s">
        <v>22</v>
      </c>
      <c r="X33" s="40" t="s">
        <v>23</v>
      </c>
      <c r="Y33" s="32"/>
      <c r="Z33" s="32"/>
    </row>
    <row r="34" spans="1:27" s="1" customFormat="1" ht="6" customHeight="1" x14ac:dyDescent="0.4">
      <c r="B34" s="33"/>
      <c r="L34" s="18"/>
      <c r="Q34" s="18"/>
      <c r="U34" s="48"/>
      <c r="V34" s="50"/>
      <c r="W34" s="50"/>
      <c r="X34" s="50"/>
      <c r="Y34" s="49"/>
      <c r="Z34" s="32"/>
    </row>
    <row r="35" spans="1:27" s="1" customFormat="1" ht="30.75" customHeight="1" x14ac:dyDescent="0.4">
      <c r="B35" s="33"/>
      <c r="C35" s="4" t="s">
        <v>28</v>
      </c>
      <c r="D35" s="5"/>
      <c r="E35" s="5"/>
      <c r="F35" s="5"/>
      <c r="G35" s="5"/>
      <c r="H35" s="5"/>
      <c r="I35" s="5"/>
      <c r="J35" s="5"/>
      <c r="K35" s="5"/>
      <c r="L35" s="5"/>
      <c r="M35" s="5"/>
      <c r="N35" s="5"/>
      <c r="O35" s="5"/>
      <c r="P35" s="5"/>
      <c r="Q35" s="5"/>
      <c r="R35" s="5"/>
      <c r="S35" s="5"/>
      <c r="T35" s="6"/>
      <c r="U35" s="43"/>
      <c r="V35" s="44" t="s">
        <v>4</v>
      </c>
      <c r="W35" s="44" t="s">
        <v>22</v>
      </c>
      <c r="X35" s="44" t="s">
        <v>4</v>
      </c>
      <c r="Y35" s="28"/>
      <c r="Z35" s="32"/>
    </row>
    <row r="36" spans="1:27" s="1" customFormat="1" ht="30.75" customHeight="1" x14ac:dyDescent="0.4">
      <c r="B36" s="33"/>
      <c r="C36" s="51" t="s">
        <v>25</v>
      </c>
      <c r="D36" s="52"/>
      <c r="E36" s="52"/>
      <c r="F36" s="52"/>
      <c r="G36" s="52"/>
      <c r="H36" s="52"/>
      <c r="I36" s="52"/>
      <c r="J36" s="52"/>
      <c r="K36" s="52"/>
      <c r="L36" s="52"/>
      <c r="M36" s="52"/>
      <c r="N36" s="52"/>
      <c r="O36" s="52"/>
      <c r="P36" s="52"/>
      <c r="Q36" s="52"/>
      <c r="R36" s="52"/>
      <c r="S36" s="52"/>
      <c r="T36" s="53"/>
      <c r="U36" s="19"/>
      <c r="V36" s="29" t="s">
        <v>4</v>
      </c>
      <c r="W36" s="29" t="s">
        <v>22</v>
      </c>
      <c r="X36" s="29" t="s">
        <v>4</v>
      </c>
      <c r="Y36" s="54"/>
      <c r="Z36" s="32"/>
    </row>
    <row r="37" spans="1:27" s="1" customFormat="1" ht="42" customHeight="1" x14ac:dyDescent="0.4">
      <c r="B37" s="33"/>
      <c r="C37" s="55" t="s">
        <v>26</v>
      </c>
      <c r="D37" s="56"/>
      <c r="E37" s="56"/>
      <c r="F37" s="56"/>
      <c r="G37" s="56"/>
      <c r="H37" s="56"/>
      <c r="I37" s="56"/>
      <c r="J37" s="56"/>
      <c r="K37" s="56"/>
      <c r="L37" s="56"/>
      <c r="M37" s="56"/>
      <c r="N37" s="56"/>
      <c r="O37" s="56"/>
      <c r="P37" s="56"/>
      <c r="Q37" s="56"/>
      <c r="R37" s="56"/>
      <c r="S37" s="56"/>
      <c r="T37" s="57"/>
      <c r="U37" s="45"/>
      <c r="V37" s="12" t="s">
        <v>4</v>
      </c>
      <c r="W37" s="12" t="s">
        <v>22</v>
      </c>
      <c r="X37" s="12" t="s">
        <v>4</v>
      </c>
      <c r="Y37" s="13"/>
      <c r="Z37" s="32"/>
    </row>
    <row r="38" spans="1:27" s="1" customFormat="1" x14ac:dyDescent="0.4">
      <c r="A38" s="32"/>
      <c r="B38" s="26"/>
      <c r="C38" s="26"/>
      <c r="D38" s="26"/>
      <c r="E38" s="26"/>
      <c r="F38" s="26"/>
      <c r="G38" s="26"/>
      <c r="H38" s="26"/>
      <c r="I38" s="26"/>
      <c r="J38" s="26"/>
      <c r="K38" s="26"/>
      <c r="L38" s="26"/>
      <c r="M38" s="26"/>
      <c r="N38" s="26"/>
      <c r="O38" s="26"/>
      <c r="P38" s="26"/>
      <c r="Q38" s="26"/>
      <c r="R38" s="26"/>
      <c r="S38" s="26"/>
      <c r="T38" s="26"/>
      <c r="U38" s="26"/>
      <c r="V38" s="26"/>
      <c r="W38" s="26"/>
      <c r="X38" s="26"/>
      <c r="Y38" s="26"/>
      <c r="Z38" s="26"/>
      <c r="AA38" s="33"/>
    </row>
    <row r="39" spans="1:27" s="1" customFormat="1" x14ac:dyDescent="0.4">
      <c r="C39" s="30"/>
    </row>
    <row r="40" spans="1:27" s="58" customFormat="1" x14ac:dyDescent="0.15"/>
    <row r="122" spans="3:7" x14ac:dyDescent="0.15">
      <c r="C122" s="59"/>
      <c r="D122" s="59"/>
      <c r="E122" s="59"/>
      <c r="F122" s="59"/>
      <c r="G122" s="59"/>
    </row>
    <row r="123" spans="3:7" x14ac:dyDescent="0.15">
      <c r="C123" s="60"/>
    </row>
  </sheetData>
  <mergeCells count="18">
    <mergeCell ref="K28:L28"/>
    <mergeCell ref="K29:L29"/>
    <mergeCell ref="K30:L30"/>
    <mergeCell ref="C35:T35"/>
    <mergeCell ref="C36:T36"/>
    <mergeCell ref="C37:T37"/>
    <mergeCell ref="K15:L15"/>
    <mergeCell ref="K16:L16"/>
    <mergeCell ref="K17:L17"/>
    <mergeCell ref="C22:T22"/>
    <mergeCell ref="C23:T23"/>
    <mergeCell ref="C24:T24"/>
    <mergeCell ref="B4:Z4"/>
    <mergeCell ref="B6:F6"/>
    <mergeCell ref="G6:Z6"/>
    <mergeCell ref="B7:F7"/>
    <mergeCell ref="B8:F9"/>
    <mergeCell ref="B10:F11"/>
  </mergeCells>
  <phoneticPr fontId="3"/>
  <dataValidations count="1">
    <dataValidation type="list" allowBlank="1" showInputMessage="1" showErrorMessage="1" sqref="G7:G11 L7 Q7 X35:X37 X22:X25 V35:V37 V22:V25" xr:uid="{2DF6AD01-5DD8-4684-8EFE-E5A17DF3E529}">
      <formula1>"□,■"</formula1>
    </dataValidation>
  </dataValidations>
  <pageMargins left="0.7" right="0.7" top="0.75" bottom="0.75" header="0.3" footer="0.3"/>
  <pageSetup paperSize="9" orientation="portrait" r:id="rId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1970B071-CF4E-4D3B-ABC9-4730824ED107}">
  <dimension ref="A1"/>
  <sheetViews>
    <sheetView workbookViewId="0"/>
  </sheetViews>
  <sheetFormatPr defaultRowHeight="18.75" x14ac:dyDescent="0.4"/>
  <sheetData/>
  <phoneticPr fontId="3"/>
  <pageMargins left="0.7" right="0.7" top="0.75" bottom="0.75" header="0.3" footer="0.3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2</vt:i4>
      </vt:variant>
      <vt:variant>
        <vt:lpstr>名前付き一覧</vt:lpstr>
      </vt:variant>
      <vt:variant>
        <vt:i4>1</vt:i4>
      </vt:variant>
    </vt:vector>
  </HeadingPairs>
  <TitlesOfParts>
    <vt:vector size="3" baseType="lpstr">
      <vt:lpstr>別紙33</vt:lpstr>
      <vt:lpstr>Sheet1</vt:lpstr>
      <vt:lpstr>別紙33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落合　忍</dc:creator>
  <cp:lastModifiedBy>落合　忍</cp:lastModifiedBy>
  <dcterms:created xsi:type="dcterms:W3CDTF">2024-03-22T05:24:36Z</dcterms:created>
  <dcterms:modified xsi:type="dcterms:W3CDTF">2024-03-22T05:25:08Z</dcterms:modified>
</cp:coreProperties>
</file>